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2.xml" ContentType="application/vnd.openxmlformats-officedocument.wordprocessingml.footer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header3.xml" ContentType="application/vnd.openxmlformats-officedocument.wordprocessingml.header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customXml/itemProps1.xml" ContentType="application/vnd.openxmlformats-officedocument.customXml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74899E80" w14:textId="77777777" w:rsidR="00592275" w:rsidRDefault="00A248C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 wp14:anchorId="74899EA3" wp14:editId="74899EA4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14:paraId="74899E81" w14:textId="77777777" w:rsidR="00592275" w:rsidRDefault="007E3A98"/>
    <w:p w14:paraId="74899E82" w14:textId="77777777" w:rsidR="00592275" w:rsidRDefault="00605379">
      <w:pPr>
        <w:pStyle w:val="Date"/>
        <w:tabs>
          <w:tab w:val="right" w:pos="9648"/>
        </w:tabs>
      </w:pPr>
      <w:bookmarkStart w:id="1" w:name="Date"/>
      <w:r>
        <w:t>March 2</w:t>
      </w:r>
      <w:r w:rsidR="009905D7">
        <w:t>1</w:t>
      </w:r>
      <w:r w:rsidR="00113EA5">
        <w:t>, 2017</w:t>
      </w:r>
    </w:p>
    <w:bookmarkEnd w:id="1"/>
    <w:p w14:paraId="74899E83" w14:textId="77777777" w:rsidR="00B4267A" w:rsidRDefault="007E3A98">
      <w:pPr>
        <w:tabs>
          <w:tab w:val="right" w:pos="9648"/>
        </w:tabs>
        <w:rPr>
          <w:u w:val="single"/>
        </w:rPr>
      </w:pPr>
    </w:p>
    <w:p w14:paraId="74899E84" w14:textId="77777777" w:rsidR="00592275" w:rsidRDefault="00A248C3">
      <w:pPr>
        <w:tabs>
          <w:tab w:val="right" w:pos="9648"/>
        </w:tabs>
      </w:pPr>
      <w:r>
        <w:rPr>
          <w:u w:val="single"/>
        </w:rPr>
        <w:t xml:space="preserve">VIA </w:t>
      </w:r>
      <w:r w:rsidR="00496678">
        <w:rPr>
          <w:u w:val="single"/>
        </w:rPr>
        <w:t>WEB PORTAL</w:t>
      </w:r>
      <w:r>
        <w:rPr>
          <w:u w:val="single"/>
        </w:rPr>
        <w:t xml:space="preserve"> AND FIRST CLASS MAIL</w:t>
      </w:r>
      <w:r>
        <w:tab/>
      </w:r>
      <w:bookmarkStart w:id="2" w:name="swiCMClientID"/>
      <w:bookmarkStart w:id="3" w:name="swiCMMatterID"/>
      <w:r w:rsidR="004A6789">
        <w:t>29208.0101</w:t>
      </w:r>
    </w:p>
    <w:bookmarkEnd w:id="2"/>
    <w:bookmarkEnd w:id="3"/>
    <w:p w14:paraId="74899E85" w14:textId="77777777" w:rsidR="00F75F77" w:rsidRDefault="00A248C3">
      <w:r>
        <w:t>Mr. Steven V. King</w:t>
      </w:r>
    </w:p>
    <w:p w14:paraId="74899E86" w14:textId="77777777" w:rsidR="00C73A54" w:rsidRDefault="00A248C3">
      <w:r>
        <w:t>Executive Director and Secretary</w:t>
      </w:r>
    </w:p>
    <w:p w14:paraId="74899E87" w14:textId="77777777" w:rsidR="00592275" w:rsidRDefault="00A248C3">
      <w:r>
        <w:t>Washington Utilities and Transportation Commission</w:t>
      </w:r>
    </w:p>
    <w:p w14:paraId="74899E88" w14:textId="77777777" w:rsidR="00592275" w:rsidRDefault="00A248C3">
      <w:r>
        <w:t>Attention: Records Center</w:t>
      </w:r>
    </w:p>
    <w:p w14:paraId="74899E89" w14:textId="77777777" w:rsidR="00F75F77" w:rsidRDefault="00A248C3">
      <w:r>
        <w:t>P.O. Box 47250</w:t>
      </w:r>
    </w:p>
    <w:p w14:paraId="74899E8A" w14:textId="77777777" w:rsidR="00F75F77" w:rsidRDefault="00A248C3">
      <w:r>
        <w:t>1300 S. Evergreen Park Dr. SW</w:t>
      </w:r>
    </w:p>
    <w:p w14:paraId="74899E8B" w14:textId="77777777" w:rsidR="00F75F77" w:rsidRDefault="00A248C3">
      <w:r>
        <w:t>Olympia, WA 98504-7250</w:t>
      </w:r>
    </w:p>
    <w:p w14:paraId="74899E8C" w14:textId="77777777" w:rsidR="00592275" w:rsidRDefault="007E3A98"/>
    <w:p w14:paraId="74899E8D" w14:textId="77777777" w:rsidR="00567823" w:rsidRDefault="00567823">
      <w:r>
        <w:t xml:space="preserve">Attn: </w:t>
      </w:r>
      <w:r>
        <w:tab/>
        <w:t>Administrative Law Judge Rayne Pearson</w:t>
      </w:r>
    </w:p>
    <w:p w14:paraId="74899E8E" w14:textId="77777777" w:rsidR="00567823" w:rsidRDefault="00567823"/>
    <w:p w14:paraId="74899E8F" w14:textId="77777777" w:rsidR="00113EA5" w:rsidRDefault="00A248C3" w:rsidP="00F10D5D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113EA5">
        <w:rPr>
          <w:rStyle w:val="ReLine"/>
        </w:rPr>
        <w:t xml:space="preserve">Shuttle Express, Inc. v. </w:t>
      </w:r>
      <w:r w:rsidR="004A6789">
        <w:rPr>
          <w:rStyle w:val="ReLine"/>
        </w:rPr>
        <w:t xml:space="preserve">Speedishuttle Washington, LLC d/b/a Speedishuttle Seattle, </w:t>
      </w:r>
    </w:p>
    <w:p w14:paraId="74899E90" w14:textId="77777777" w:rsidR="004A6789" w:rsidRDefault="004A6789" w:rsidP="00113EA5">
      <w:pPr>
        <w:ind w:left="720"/>
        <w:rPr>
          <w:rStyle w:val="ReLine"/>
        </w:rPr>
      </w:pPr>
      <w:r>
        <w:rPr>
          <w:rStyle w:val="ReLine"/>
        </w:rPr>
        <w:t xml:space="preserve">Docket </w:t>
      </w:r>
      <w:r w:rsidR="00113EA5">
        <w:rPr>
          <w:rStyle w:val="ReLine"/>
        </w:rPr>
        <w:t xml:space="preserve">Nos. </w:t>
      </w:r>
      <w:r>
        <w:rPr>
          <w:rStyle w:val="ReLine"/>
        </w:rPr>
        <w:t>TC-143691</w:t>
      </w:r>
      <w:r w:rsidR="00113EA5">
        <w:rPr>
          <w:rStyle w:val="ReLine"/>
        </w:rPr>
        <w:t>, TC-160516 and TC-161257</w:t>
      </w:r>
      <w:r w:rsidR="00FE3F57">
        <w:rPr>
          <w:rStyle w:val="ReLine"/>
        </w:rPr>
        <w:t xml:space="preserve"> (Consolidated)</w:t>
      </w:r>
    </w:p>
    <w:bookmarkEnd w:id="4"/>
    <w:p w14:paraId="74899E91" w14:textId="77777777" w:rsidR="00592275" w:rsidRDefault="007E3A98"/>
    <w:p w14:paraId="74899E92" w14:textId="77777777" w:rsidR="00592275" w:rsidRDefault="00A248C3">
      <w:bookmarkStart w:id="5" w:name="Salutation"/>
      <w:r>
        <w:t>Dear Mr. King:</w:t>
      </w:r>
    </w:p>
    <w:bookmarkEnd w:id="5"/>
    <w:p w14:paraId="74899E93" w14:textId="77777777" w:rsidR="00592275" w:rsidRDefault="007E3A98"/>
    <w:p w14:paraId="74899E94" w14:textId="77777777" w:rsidR="00496678" w:rsidRDefault="00605379" w:rsidP="0075295D">
      <w:pPr>
        <w:spacing w:after="240"/>
      </w:pPr>
      <w:r>
        <w:t>E</w:t>
      </w:r>
      <w:r w:rsidR="00567823">
        <w:t>nclosed</w:t>
      </w:r>
      <w:r w:rsidR="00113EA5">
        <w:t xml:space="preserve"> </w:t>
      </w:r>
      <w:r w:rsidR="005A1DDB">
        <w:t xml:space="preserve">for the parties’ convenience, </w:t>
      </w:r>
      <w:r w:rsidR="00113EA5">
        <w:t xml:space="preserve">please find </w:t>
      </w:r>
      <w:r w:rsidR="009905D7">
        <w:t>a Revised</w:t>
      </w:r>
      <w:r w:rsidR="00567823">
        <w:t xml:space="preserve"> Pre-Filed Testimony of H. Jack Roemer</w:t>
      </w:r>
      <w:r w:rsidR="003F6A0A">
        <w:t xml:space="preserve">, Exhibit No. ___ (HJR-1T) </w:t>
      </w:r>
      <w:r w:rsidR="009905D7">
        <w:t xml:space="preserve">(along with a redlined version of the Testimony </w:t>
      </w:r>
      <w:r w:rsidR="005A1DDB">
        <w:t>reflecting all</w:t>
      </w:r>
      <w:r w:rsidR="009905D7">
        <w:t xml:space="preserve"> the corrections</w:t>
      </w:r>
      <w:r w:rsidR="006F392E">
        <w:t xml:space="preserve"> as identified in the errata filed March 20, 2017</w:t>
      </w:r>
      <w:r w:rsidR="009905D7">
        <w:t xml:space="preserve">) </w:t>
      </w:r>
      <w:r>
        <w:t>which was</w:t>
      </w:r>
      <w:r w:rsidR="00567823">
        <w:t xml:space="preserve"> </w:t>
      </w:r>
      <w:r w:rsidR="009666B8">
        <w:t xml:space="preserve">filed this afternoon via the web portal </w:t>
      </w:r>
      <w:r w:rsidR="00113EA5">
        <w:t>in the above-referenced</w:t>
      </w:r>
      <w:r w:rsidR="009D21A6">
        <w:t xml:space="preserve">, </w:t>
      </w:r>
      <w:r w:rsidR="00FE3F57">
        <w:t xml:space="preserve">consolidated dockets.  The original </w:t>
      </w:r>
      <w:r w:rsidR="00567823">
        <w:t>and one copy</w:t>
      </w:r>
      <w:r w:rsidR="00496678">
        <w:t xml:space="preserve"> of this filing </w:t>
      </w:r>
      <w:r w:rsidR="009666B8">
        <w:t>will follow via US mail</w:t>
      </w:r>
      <w:r w:rsidR="00496678">
        <w:t xml:space="preserve">.  </w:t>
      </w:r>
    </w:p>
    <w:p w14:paraId="74899E95" w14:textId="77777777" w:rsidR="0075295D" w:rsidRDefault="00A248C3" w:rsidP="0075295D">
      <w:pPr>
        <w:spacing w:after="240"/>
        <w:rPr>
          <w:szCs w:val="22"/>
        </w:rPr>
      </w:pPr>
      <w:r>
        <w:rPr>
          <w:szCs w:val="22"/>
        </w:rPr>
        <w:t>Please contact the undersigned if there are any questions or concerns.</w:t>
      </w:r>
    </w:p>
    <w:p w14:paraId="74899E96" w14:textId="77777777" w:rsidR="0075295D" w:rsidRDefault="00A248C3" w:rsidP="0075295D">
      <w:pPr>
        <w:rPr>
          <w:szCs w:val="22"/>
        </w:rPr>
      </w:pPr>
      <w:r>
        <w:rPr>
          <w:szCs w:val="22"/>
        </w:rPr>
        <w:t>Yours truly,</w:t>
      </w:r>
    </w:p>
    <w:p w14:paraId="74899E97" w14:textId="77777777" w:rsidR="00F75F77" w:rsidRDefault="007E3A98" w:rsidP="00F75F77"/>
    <w:p w14:paraId="74899E98" w14:textId="77777777" w:rsidR="00592275" w:rsidRDefault="00A248C3">
      <w:pPr>
        <w:keepNext/>
      </w:pPr>
      <w:bookmarkStart w:id="6" w:name="swiBeginHere"/>
      <w:bookmarkEnd w:id="6"/>
      <w:r>
        <w:t>WILLIAMS, KASTNER &amp; GIBBS PLLC</w:t>
      </w:r>
    </w:p>
    <w:p w14:paraId="74899E99" w14:textId="77777777" w:rsidR="00592275" w:rsidRDefault="007E3A98">
      <w:pPr>
        <w:keepNext/>
      </w:pPr>
    </w:p>
    <w:p w14:paraId="74899E9A" w14:textId="77777777" w:rsidR="0023778C" w:rsidRDefault="007E3A98">
      <w:pPr>
        <w:keepNext/>
      </w:pPr>
      <w:bookmarkStart w:id="7" w:name="Includeesig"/>
      <w:bookmarkEnd w:id="7"/>
    </w:p>
    <w:p w14:paraId="74899E9B" w14:textId="77777777" w:rsidR="00592275" w:rsidRDefault="00FE3F57">
      <w:pPr>
        <w:keepNext/>
      </w:pPr>
      <w:bookmarkStart w:id="8" w:name="From"/>
      <w:r>
        <w:t>Blair</w:t>
      </w:r>
      <w:r w:rsidR="00E42D98">
        <w:t xml:space="preserve"> I.</w:t>
      </w:r>
      <w:r>
        <w:t xml:space="preserve"> Fassburg</w:t>
      </w:r>
    </w:p>
    <w:p w14:paraId="74899E9C" w14:textId="77777777" w:rsidR="00AC6CBA" w:rsidRDefault="00AC6CBA">
      <w:pPr>
        <w:keepNext/>
      </w:pPr>
      <w:r>
        <w:t>David W. Wiley</w:t>
      </w:r>
    </w:p>
    <w:p w14:paraId="74899E9D" w14:textId="77777777" w:rsidR="00587BC5" w:rsidRDefault="00587BC5">
      <w:bookmarkStart w:id="9" w:name="swiPLDirectDialPhone"/>
      <w:bookmarkEnd w:id="8"/>
    </w:p>
    <w:p w14:paraId="74899E9E" w14:textId="77777777" w:rsidR="00FE3F57" w:rsidRDefault="00A248C3" w:rsidP="00FE3F57">
      <w:pPr>
        <w:keepNext/>
      </w:pPr>
      <w:bookmarkStart w:id="10" w:name="swiPLEMailAddress"/>
      <w:bookmarkEnd w:id="9"/>
      <w:r>
        <w:t>cc:</w:t>
      </w:r>
      <w:r w:rsidR="00FE3F57">
        <w:tab/>
        <w:t>(via e-mail)</w:t>
      </w:r>
    </w:p>
    <w:p w14:paraId="74899E9F" w14:textId="77777777" w:rsidR="003C5783" w:rsidRDefault="00FE3F57" w:rsidP="00FE3F57">
      <w:pPr>
        <w:keepNext/>
        <w:ind w:firstLine="720"/>
      </w:pPr>
      <w:r>
        <w:t>Rayne Pearson, Administrative Law Judge</w:t>
      </w:r>
    </w:p>
    <w:p w14:paraId="74899EA0" w14:textId="77777777" w:rsidR="00592275" w:rsidRDefault="00A248C3" w:rsidP="0023778C">
      <w:pPr>
        <w:keepNext/>
      </w:pPr>
      <w:r>
        <w:tab/>
      </w:r>
      <w:bookmarkEnd w:id="10"/>
      <w:r w:rsidR="00FE3F57">
        <w:t>Brooks Harlow</w:t>
      </w:r>
    </w:p>
    <w:p w14:paraId="74899EA1" w14:textId="77777777" w:rsidR="00FE3F57" w:rsidRDefault="00FE3F57" w:rsidP="0023778C">
      <w:pPr>
        <w:keepNext/>
      </w:pPr>
      <w:r>
        <w:tab/>
        <w:t>Julian Beattie</w:t>
      </w:r>
    </w:p>
    <w:p w14:paraId="74899EA2" w14:textId="77777777" w:rsidR="00496678" w:rsidRDefault="00496678" w:rsidP="0023778C">
      <w:pPr>
        <w:keepNext/>
      </w:pPr>
      <w:r>
        <w:tab/>
      </w:r>
      <w:r w:rsidR="00FE3F57">
        <w:t>Client</w:t>
      </w:r>
    </w:p>
    <w:sectPr w:rsidR="00496678" w:rsidSect="005A1DDB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1800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74899EA7" w14:textId="77777777" w:rsidR="00EF70F9" w:rsidRDefault="00A248C3">
      <w:r>
        <w:separator/>
      </w:r>
    </w:p>
  </w:endnote>
  <w:endnote w:type="continuationSeparator" w:id="0">
    <w:p w14:paraId="74899EA8" w14:textId="77777777" w:rsidR="00EF70F9" w:rsidRDefault="00A248C3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4899EB1" w14:textId="77777777" w:rsidR="00D961CA" w:rsidRDefault="00D961C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4899EB2" w14:textId="77777777" w:rsidR="009B2994" w:rsidRDefault="007E3A98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74899EB3" w14:textId="77777777" w:rsidR="00593833" w:rsidRDefault="00A248C3" w:rsidP="009B2994">
    <w:pPr>
      <w:pStyle w:val="Footer"/>
      <w:tabs>
        <w:tab w:val="clear" w:pos="9360"/>
        <w:tab w:val="right" w:pos="10080"/>
      </w:tabs>
      <w:spacing w:line="160" w:lineRule="exact"/>
      <w:rPr>
        <w:sz w:val="16"/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1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5A1DDB">
      <w:rPr>
        <w:sz w:val="16"/>
        <w:szCs w:val="18"/>
      </w:rPr>
      <w:instrText xml:space="preserve"> 6020919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5A1DDB">
      <w:rPr>
        <w:noProof/>
        <w:sz w:val="16"/>
        <w:szCs w:val="18"/>
      </w:rPr>
      <w:t xml:space="preserve"> 6020919.1</w:t>
    </w:r>
    <w:r>
      <w:rPr>
        <w:sz w:val="16"/>
        <w:szCs w:val="18"/>
      </w:rPr>
      <w:fldChar w:fldCharType="end"/>
    </w:r>
  </w:p>
  <w:p w14:paraId="74899EB4" w14:textId="77777777" w:rsidR="00592275" w:rsidRDefault="00593833" w:rsidP="00593833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593833">
      <w:rPr>
        <w:sz w:val="16"/>
        <w:szCs w:val="18"/>
      </w:rPr>
      <w:instrText>IF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VARIABLE "SWDocIDLocation" </w:instrText>
    </w:r>
    <w:r w:rsidRPr="00593833">
      <w:rPr>
        <w:sz w:val="16"/>
        <w:szCs w:val="18"/>
      </w:rPr>
      <w:fldChar w:fldCharType="separate"/>
    </w:r>
    <w:r w:rsidR="00A51C21">
      <w:rPr>
        <w:sz w:val="16"/>
        <w:szCs w:val="18"/>
      </w:rPr>
      <w:instrText>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= "1" "</w:instrText>
    </w:r>
    <w:r w:rsidRPr="00593833">
      <w:rPr>
        <w:sz w:val="16"/>
        <w:szCs w:val="18"/>
      </w:rPr>
      <w:fldChar w:fldCharType="begin"/>
    </w:r>
    <w:r w:rsidRPr="00593833">
      <w:rPr>
        <w:sz w:val="16"/>
        <w:szCs w:val="18"/>
      </w:rPr>
      <w:instrText xml:space="preserve"> DOCPROPERTY "SWDocID" </w:instrText>
    </w:r>
    <w:r w:rsidRPr="00593833">
      <w:rPr>
        <w:sz w:val="16"/>
        <w:szCs w:val="18"/>
      </w:rPr>
      <w:fldChar w:fldCharType="separate"/>
    </w:r>
    <w:r w:rsidR="00A51C21">
      <w:rPr>
        <w:sz w:val="16"/>
        <w:szCs w:val="18"/>
      </w:rPr>
      <w:instrText xml:space="preserve"> 6020919.1</w:instrText>
    </w:r>
    <w:r w:rsidRPr="00593833">
      <w:rPr>
        <w:sz w:val="16"/>
        <w:szCs w:val="18"/>
      </w:rPr>
      <w:fldChar w:fldCharType="end"/>
    </w:r>
    <w:r w:rsidRPr="00593833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A51C21">
      <w:rPr>
        <w:noProof/>
        <w:sz w:val="16"/>
        <w:szCs w:val="18"/>
      </w:rPr>
      <w:t xml:space="preserve"> 6020919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4899EB6" w14:textId="77777777" w:rsidR="00592275" w:rsidRDefault="00A248C3" w:rsidP="00593833">
    <w:pPr>
      <w:pStyle w:val="Footer"/>
      <w:spacing w:line="160" w:lineRule="exact"/>
      <w:rPr>
        <w:sz w:val="16"/>
      </w:rPr>
    </w:pPr>
    <w:r>
      <w:rPr>
        <w:noProof/>
      </w:rPr>
      <w:drawing>
        <wp:anchor distT="0" distB="0" distL="114300" distR="114300" simplePos="0" relativeHeight="251658240" behindDoc="0" locked="0" layoutInCell="1" allowOverlap="1" wp14:anchorId="74899EB8" wp14:editId="74899EB9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  <w:r w:rsidR="00593833">
      <w:rPr>
        <w:sz w:val="16"/>
      </w:rPr>
      <w:fldChar w:fldCharType="begin"/>
    </w:r>
    <w:r w:rsidR="00593833">
      <w:rPr>
        <w:sz w:val="16"/>
      </w:rPr>
      <w:instrText xml:space="preserve"> </w:instrText>
    </w:r>
    <w:r w:rsidR="00593833" w:rsidRPr="00593833">
      <w:rPr>
        <w:sz w:val="16"/>
      </w:rPr>
      <w:instrText>IF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VARIABLE "SWDocIDLocation" </w:instrText>
    </w:r>
    <w:r w:rsidR="00593833" w:rsidRPr="00593833">
      <w:rPr>
        <w:sz w:val="16"/>
      </w:rPr>
      <w:fldChar w:fldCharType="separate"/>
    </w:r>
    <w:r w:rsidR="00A51C21">
      <w:rPr>
        <w:sz w:val="16"/>
      </w:rPr>
      <w:instrText>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= "1" "</w:instrText>
    </w:r>
    <w:r w:rsidR="00593833" w:rsidRPr="00593833">
      <w:rPr>
        <w:sz w:val="16"/>
      </w:rPr>
      <w:fldChar w:fldCharType="begin"/>
    </w:r>
    <w:r w:rsidR="00593833" w:rsidRPr="00593833">
      <w:rPr>
        <w:sz w:val="16"/>
      </w:rPr>
      <w:instrText xml:space="preserve"> DOCPROPERTY "SWDocID" </w:instrText>
    </w:r>
    <w:r w:rsidR="00593833" w:rsidRPr="00593833">
      <w:rPr>
        <w:sz w:val="16"/>
      </w:rPr>
      <w:fldChar w:fldCharType="separate"/>
    </w:r>
    <w:r w:rsidR="00A51C21">
      <w:rPr>
        <w:sz w:val="16"/>
      </w:rPr>
      <w:instrText xml:space="preserve"> 6020919.1</w:instrText>
    </w:r>
    <w:r w:rsidR="00593833" w:rsidRPr="00593833">
      <w:rPr>
        <w:sz w:val="16"/>
      </w:rPr>
      <w:fldChar w:fldCharType="end"/>
    </w:r>
    <w:r w:rsidR="00593833" w:rsidRPr="00593833">
      <w:rPr>
        <w:sz w:val="16"/>
      </w:rPr>
      <w:instrText>" ""</w:instrText>
    </w:r>
    <w:r w:rsidR="00593833">
      <w:rPr>
        <w:sz w:val="16"/>
      </w:rPr>
      <w:instrText xml:space="preserve"> </w:instrText>
    </w:r>
    <w:r w:rsidR="00593833">
      <w:rPr>
        <w:sz w:val="16"/>
      </w:rPr>
      <w:fldChar w:fldCharType="separate"/>
    </w:r>
    <w:r w:rsidR="00A51C21">
      <w:rPr>
        <w:noProof/>
        <w:sz w:val="16"/>
      </w:rPr>
      <w:t xml:space="preserve"> 6020919.1</w:t>
    </w:r>
    <w:r w:rsidR="00593833">
      <w:rPr>
        <w:sz w:val="16"/>
      </w:rPr>
      <w:fldChar w:fldCharType="end"/>
    </w:r>
  </w:p>
  <w:p w14:paraId="74899EB7" w14:textId="77777777" w:rsidR="004A6789" w:rsidRDefault="004A6789" w:rsidP="00593833">
    <w:pPr>
      <w:pStyle w:val="Footer"/>
      <w:spacing w:line="160" w:lineRule="exact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74899EA5" w14:textId="77777777" w:rsidR="00EF70F9" w:rsidRDefault="00A248C3">
      <w:r>
        <w:separator/>
      </w:r>
    </w:p>
  </w:footnote>
  <w:footnote w:type="continuationSeparator" w:id="0">
    <w:p w14:paraId="74899EA6" w14:textId="77777777" w:rsidR="00EF70F9" w:rsidRDefault="00A248C3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4899EA9" w14:textId="77777777" w:rsidR="00D961CA" w:rsidRDefault="00D961C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4899EAA" w14:textId="77777777" w:rsidR="00592275" w:rsidRDefault="007E3A98"/>
  <w:p w14:paraId="74899EAB" w14:textId="77777777" w:rsidR="00592275" w:rsidRDefault="007E3A98">
    <w:bookmarkStart w:id="11" w:name="ToInHeader"/>
    <w:bookmarkEnd w:id="11"/>
  </w:p>
  <w:p w14:paraId="74899EAC" w14:textId="77777777" w:rsidR="00592275" w:rsidRDefault="007E3A98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5A1DDB">
      <w:rPr>
        <w:noProof/>
      </w:rPr>
      <w:t>March 21, 2017</w:t>
    </w:r>
    <w:r>
      <w:rPr>
        <w:noProof/>
      </w:rPr>
      <w:fldChar w:fldCharType="end"/>
    </w:r>
  </w:p>
  <w:p w14:paraId="74899EAD" w14:textId="77777777" w:rsidR="00592275" w:rsidRDefault="00A248C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4377DD">
      <w:rPr>
        <w:rStyle w:val="PageNumber"/>
        <w:noProof/>
      </w:rPr>
      <w:t>2</w:t>
    </w:r>
    <w:r>
      <w:rPr>
        <w:rStyle w:val="PageNumber"/>
      </w:rPr>
      <w:fldChar w:fldCharType="end"/>
    </w:r>
  </w:p>
  <w:p w14:paraId="74899EAE" w14:textId="77777777" w:rsidR="00592275" w:rsidRDefault="007E3A98">
    <w:pPr>
      <w:pStyle w:val="Header"/>
    </w:pPr>
  </w:p>
  <w:p w14:paraId="74899EAF" w14:textId="77777777" w:rsidR="00592275" w:rsidRDefault="007E3A98">
    <w:pPr>
      <w:pStyle w:val="Header"/>
    </w:pPr>
  </w:p>
  <w:p w14:paraId="74899EB0" w14:textId="77777777" w:rsidR="00592275" w:rsidRDefault="007E3A98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74899EB5" w14:textId="77777777" w:rsidR="00D961CA" w:rsidRDefault="00D961CA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hideSpellingErrors/>
  <w:hideGrammaticalErrors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0"/>
    <w:docVar w:name="SWDocIDLocation" w:val="1"/>
  </w:docVars>
  <w:rsids>
    <w:rsidRoot w:val="00F10D5D"/>
    <w:rsid w:val="000671A3"/>
    <w:rsid w:val="000C240C"/>
    <w:rsid w:val="00113EA5"/>
    <w:rsid w:val="001A4879"/>
    <w:rsid w:val="002F5BA3"/>
    <w:rsid w:val="00340C7A"/>
    <w:rsid w:val="003F6A0A"/>
    <w:rsid w:val="0041702F"/>
    <w:rsid w:val="004377DD"/>
    <w:rsid w:val="00444166"/>
    <w:rsid w:val="00496678"/>
    <w:rsid w:val="004A2D16"/>
    <w:rsid w:val="004A6789"/>
    <w:rsid w:val="00567823"/>
    <w:rsid w:val="00587BC5"/>
    <w:rsid w:val="00593833"/>
    <w:rsid w:val="005A1DDB"/>
    <w:rsid w:val="005A6C93"/>
    <w:rsid w:val="00605379"/>
    <w:rsid w:val="006F392E"/>
    <w:rsid w:val="00707CC7"/>
    <w:rsid w:val="007A2B9F"/>
    <w:rsid w:val="007E3A98"/>
    <w:rsid w:val="008321C3"/>
    <w:rsid w:val="008345FB"/>
    <w:rsid w:val="008651FD"/>
    <w:rsid w:val="00944B60"/>
    <w:rsid w:val="00945D14"/>
    <w:rsid w:val="009666B8"/>
    <w:rsid w:val="009905D7"/>
    <w:rsid w:val="009D21A6"/>
    <w:rsid w:val="00A248C3"/>
    <w:rsid w:val="00A51C21"/>
    <w:rsid w:val="00A93A23"/>
    <w:rsid w:val="00AC6CBA"/>
    <w:rsid w:val="00C01E43"/>
    <w:rsid w:val="00D25E3B"/>
    <w:rsid w:val="00D961CA"/>
    <w:rsid w:val="00E151D8"/>
    <w:rsid w:val="00E42D98"/>
    <w:rsid w:val="00E810B9"/>
    <w:rsid w:val="00EF70F9"/>
    <w:rsid w:val="00F10D5D"/>
    <w:rsid w:val="00FE3F57"/>
    <w:rsid w:val="00FE680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  <w14:docId w14:val="74899E80"/>
  <w15:docId w15:val="{16FCAADB-BA98-4830-9AC3-B8280121A65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Testimony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3-21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8EE80AD9-06A1-431D-AE10-CFE9E5BB78F8}"/>
</file>

<file path=customXml/itemProps2.xml><?xml version="1.0" encoding="utf-8"?>
<ds:datastoreItem xmlns:ds="http://schemas.openxmlformats.org/officeDocument/2006/customXml" ds:itemID="{375EB017-F027-42F1-A89D-12F74A253CFB}">
  <ds:schemaRefs>
    <ds:schemaRef ds:uri="http://www.w3.org/XML/1998/namespace"/>
    <ds:schemaRef ds:uri="http://purl.org/dc/elements/1.1/"/>
    <ds:schemaRef ds:uri="http://schemas.microsoft.com/office/2006/documentManagement/types"/>
    <ds:schemaRef ds:uri="http://purl.org/dc/terms/"/>
    <ds:schemaRef ds:uri="http://schemas.microsoft.com/office/2006/metadata/properties"/>
    <ds:schemaRef ds:uri="http://schemas.microsoft.com/office/infopath/2007/PartnerControls"/>
    <ds:schemaRef ds:uri="http://schemas.openxmlformats.org/package/2006/metadata/core-properties"/>
    <ds:schemaRef ds:uri="http://purl.org/dc/dcmitype/"/>
    <ds:schemaRef ds:uri="6a7bd91e-004b-490a-8704-e368d63d59a0"/>
  </ds:schemaRefs>
</ds:datastoreItem>
</file>

<file path=customXml/itemProps3.xml><?xml version="1.0" encoding="utf-8"?>
<ds:datastoreItem xmlns:ds="http://schemas.openxmlformats.org/officeDocument/2006/customXml" ds:itemID="{AE17201B-BC88-409C-BC6A-7C5CA4855AF1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6C3FD2A7-AAA6-49B1-9914-CBB7CD4137DF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71</Words>
  <Characters>976</Characters>
  <Application>Microsoft Office Word</Application>
  <DocSecurity>0</DocSecurity>
  <Lines>8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145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Huff, Ashley (UTC)</dc:creator>
  <cp:lastModifiedBy>Kredel, Ashley (UTC)</cp:lastModifiedBy>
  <cp:revision>2</cp:revision>
  <cp:lastPrinted>2017-03-21T22:40:00Z</cp:lastPrinted>
  <dcterms:created xsi:type="dcterms:W3CDTF">2017-03-22T16:21:00Z</dcterms:created>
  <dcterms:modified xsi:type="dcterms:W3CDTF">2017-03-22T16:2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20919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